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E548332C-ACA8-4910-A04E-360220A5A102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3" uniqueCount="116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บริษัท</t>
  </si>
  <si>
    <t>ราชบุรี</t>
  </si>
  <si>
    <t>พะเยา</t>
  </si>
  <si>
    <t xml:space="preserve">กลุ่มทอผ้าและตัดเย็บบ้านหาดเสี้ยว </t>
  </si>
  <si>
    <t>สุโขทัย</t>
  </si>
  <si>
    <t>นราธิวาส</t>
  </si>
  <si>
    <t>นนทบุรี</t>
  </si>
  <si>
    <t>081-374-1422</t>
  </si>
  <si>
    <t>094-564-1962</t>
  </si>
  <si>
    <t>094-003-6227</t>
  </si>
  <si>
    <t>0945641962</t>
  </si>
  <si>
    <t>Don Manee กระเป๋าผ้าทอ และผ้าทอมือ</t>
  </si>
  <si>
    <t>wandee888@gmail.com</t>
  </si>
  <si>
    <t>ร้านค้า</t>
  </si>
  <si>
    <t>ปัตตานี</t>
  </si>
  <si>
    <t>วิสาหกิจชุมชนแฟชั่นมัดย้อม Colourful</t>
  </si>
  <si>
    <t xml:space="preserve">NUTTI YAR </t>
  </si>
  <si>
    <t>SERIOUSTIC.S.E.E.</t>
  </si>
  <si>
    <t xml:space="preserve">จินจ๋า @ คราฟท์ สตูดิโอ </t>
  </si>
  <si>
    <t xml:space="preserve">VIM DESIGN </t>
  </si>
  <si>
    <t xml:space="preserve">ร้านเครือคราม </t>
  </si>
  <si>
    <t xml:space="preserve">กลุ่มทอผ้าบ้านไทรงาม </t>
  </si>
  <si>
    <t>บริษัท ว.ธนชัย เอนเตอร์ไพรส์ จำกัด</t>
  </si>
  <si>
    <t>ร้าน ไทย ไทย</t>
  </si>
  <si>
    <t xml:space="preserve">วิสาหกิจชุมชนผ้าทอนาหมื่นศรี </t>
  </si>
  <si>
    <t>บริษัท ประชารัฐรักสามัคคีนราธิวาส (วิสาหกิจเพื่อสังคม) จำกัด</t>
  </si>
  <si>
    <t>กลุ่มสตรีจักสานกระจูด</t>
  </si>
  <si>
    <t>กลุ่มกัทลีหัตถกรรมกาบกล้วย</t>
  </si>
  <si>
    <t>คุณปณิษา กาญจนกิจ</t>
  </si>
  <si>
    <t>นางมาลินี จีระออน</t>
  </si>
  <si>
    <t xml:space="preserve">47/61 หมู่ 7 ตำบลเสาธงหิน อำเภอบางใหญ่ จังหวัดนนทบุรี </t>
  </si>
  <si>
    <t>379 ถนนพิชิตบำรุง ตำบลบางนาค อำเภอเมืองนราธิวาส จังหวัดนราธิวาส</t>
  </si>
  <si>
    <t>18230</t>
  </si>
  <si>
    <t>10160</t>
  </si>
  <si>
    <t>10900</t>
  </si>
  <si>
    <t>96000</t>
  </si>
  <si>
    <t>085-724-1338</t>
  </si>
  <si>
    <t>086-901-9606</t>
  </si>
  <si>
    <t xml:space="preserve"> 06-2929-5524</t>
  </si>
  <si>
    <t>086-671-2615</t>
  </si>
  <si>
    <t>081-930-8157</t>
  </si>
  <si>
    <t>081-371-4232</t>
  </si>
  <si>
    <t>086-956-6285</t>
  </si>
  <si>
    <t>02-455-9215</t>
  </si>
  <si>
    <t>084-000-2888</t>
  </si>
  <si>
    <t>081-476-4318</t>
  </si>
  <si>
    <t>073-530-898,081-540-0220,087-633-3352</t>
  </si>
  <si>
    <t>088-227-1055</t>
  </si>
  <si>
    <t>สมุทรปราการ</t>
  </si>
  <si>
    <t>แม่ฮ่องสอน</t>
  </si>
  <si>
    <t>กรุงเทพมหานคร</t>
  </si>
  <si>
    <t>สระบุรี</t>
  </si>
  <si>
    <t>สระแก้ว</t>
  </si>
  <si>
    <t>ตรัง</t>
  </si>
  <si>
    <t>0809954105</t>
  </si>
  <si>
    <t>0857241338</t>
  </si>
  <si>
    <t>0819308157</t>
  </si>
  <si>
    <t>0813714232</t>
  </si>
  <si>
    <t>0869566285</t>
  </si>
  <si>
    <t>0840002888</t>
  </si>
  <si>
    <t>0814764318</t>
  </si>
  <si>
    <t>082271055</t>
  </si>
  <si>
    <t>0940036227</t>
  </si>
  <si>
    <t>แฟชั่นมัดย้อมColourful</t>
  </si>
  <si>
    <t>nuttiyartaan@gmail.com</t>
  </si>
  <si>
    <t>jinja_Sewing Quilt &amp; Craft</t>
  </si>
  <si>
    <t>Hula Studio</t>
  </si>
  <si>
    <t>Nual Sangster</t>
  </si>
  <si>
    <t>ร้านไทยไทย จักสาน</t>
  </si>
  <si>
    <t>วิสาหกิจชุมชนผ้าทอนาหมื่นศรี</t>
  </si>
  <si>
    <t>ประชารัฐ รักสามัคคี นราธิวาส วิสาหกิจเพื่อสังคม</t>
  </si>
  <si>
    <t>chiratthiti_on@hotmail.com</t>
  </si>
  <si>
    <t>nawalisa88@hotmail.com</t>
  </si>
  <si>
    <t>nameunsri.trang@hotmail.com</t>
  </si>
  <si>
    <t>prsnarathiwat@gmail.com</t>
  </si>
  <si>
    <t>ดลมณี Don Manee</t>
  </si>
  <si>
    <t>คุณอนุภา มณีจันทร์</t>
  </si>
  <si>
    <t xml:space="preserve">2/1 หมู่ที่ 5 ตำบลดอนแร่ อำเภอเมืองราชบุรี จังหวัดราชบุรี </t>
  </si>
  <si>
    <t>นางมีนา สีสอาด</t>
  </si>
  <si>
    <t xml:space="preserve">201/382 ซอย 5 หมู่ที่ 1การเคหะเมืองใหม่บางพลี ตำบลบางเสาธง อำเภอบางเสาธง จังหวัดสมุทรปราการ </t>
  </si>
  <si>
    <t xml:space="preserve">   080-995-4105   </t>
  </si>
  <si>
    <t xml:space="preserve">กลุ่มทอผ้าฝ้ายย้อมสีธรรมชาติ จังหวัดแม่ฮ่องสอน  </t>
  </si>
  <si>
    <t>คุณราตรี ปรีชญาวิชัยกุล</t>
  </si>
  <si>
    <t xml:space="preserve">64 ม.2 ตำบลผาปอ อำเภอแม่ฮ่องสอน จังหวัดแม่ฮ่องสอน </t>
  </si>
  <si>
    <t>นางสุจินต์ โพธิวิจิตร</t>
  </si>
  <si>
    <t xml:space="preserve">434 หมู่ 2 ตำบลหาดเสี้ยว อำเภอศรีสัชนาลัย จังหวัดสุโขทัย </t>
  </si>
  <si>
    <t xml:space="preserve">44/26 ถนนวิภาวดีรังสิต 16/9 แขวงจอมพล เขตจตุจักร กรุงเทพมหานคร </t>
  </si>
  <si>
    <t>นายพิยทา ชลิตณัฐกุล</t>
  </si>
  <si>
    <t>107(13/76) ซอยบางบอน 1 ซอย 11 แยก 8 เขตบางบอน แขวงบางบอน กรุงเทพมหนานคร</t>
  </si>
  <si>
    <t>นางจิรัฐิติอร โคแล็ง</t>
  </si>
  <si>
    <t xml:space="preserve">167 ซอย 1 หมู่ 10 ตำบลหย่วน อำเภอเชียงคำ จังหวัดพะเยา </t>
  </si>
  <si>
    <t>คุณวิมพ์วิภา โพธิวิจิตร</t>
  </si>
  <si>
    <t xml:space="preserve">13/8 หมู่ที่ 4 ตำบลห้วยขมิ้น อำเภอหนองแค จังหวัดสระบุรี </t>
  </si>
  <si>
    <t>คุณนิ่มนวล นาโพธิ์ตอง</t>
  </si>
  <si>
    <t xml:space="preserve">98 หมู่ที่ 18 ตำบลพระเพลิง อำเภอเขาฉกรรจ์ จังหวัดสระแก้ว </t>
  </si>
  <si>
    <t>29 ซ.เพชรเกษม 68 แยก 19 แขวงบางแคเหนือ เขตบางแค กรุงเทพมหานคร</t>
  </si>
  <si>
    <t>ร้าน ไทย ไทย ถ.กำแพงเพชร 2 แขวงลาดยาว เขตจตุจักร กรุงเทพมหานคร</t>
  </si>
  <si>
    <t>นางอารอบ เรืองสังข์</t>
  </si>
  <si>
    <t xml:space="preserve">119 หมู่ที่ 8 ตำบลนาหมื่นศรี อำเภอนาโยง จังหวัดตรัง </t>
  </si>
  <si>
    <t>151/3 ตำบลกะลุวอ อำเภอเมือง จังหวัดนราธิวาส</t>
  </si>
  <si>
    <t>คุณดรุณี แวยามา</t>
  </si>
  <si>
    <t xml:space="preserve">กลุ่มกัทลี หัตถกรรมกาบกล้วย ถนนรูสะมิแล อำเภอเมือง จังหวัดปัตตานี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4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 wrapText="1"/>
    </xf>
    <xf numFmtId="0" fontId="2" fillId="5" borderId="5" xfId="0" quotePrefix="1" applyNumberFormat="1" applyFont="1" applyFill="1" applyBorder="1" applyAlignment="1">
      <alignment vertical="center"/>
    </xf>
    <xf numFmtId="0" fontId="4" fillId="5" borderId="5" xfId="1" applyNumberFormat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mailto:prsnarathiwat@g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9"/>
  <sheetViews>
    <sheetView showGridLines="0" tabSelected="1" topLeftCell="C1" workbookViewId="0">
      <selection activeCell="K6" sqref="K6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12" width="16.36328125" style="1" customWidth="1"/>
    <col min="13" max="16384" width="16.36328125" style="1"/>
  </cols>
  <sheetData>
    <row r="1" spans="1:11" ht="30.15" customHeight="1">
      <c r="A1" s="9" t="s">
        <v>0</v>
      </c>
      <c r="B1" s="10"/>
      <c r="C1" s="10"/>
      <c r="D1" s="10"/>
      <c r="E1" s="10"/>
      <c r="F1" s="10"/>
      <c r="G1" s="10"/>
      <c r="H1" s="10"/>
      <c r="I1" s="10"/>
      <c r="J1" s="10"/>
      <c r="K1" s="11"/>
    </row>
    <row r="2" spans="1:11" ht="22.25" customHeight="1">
      <c r="A2" s="12" t="s">
        <v>1</v>
      </c>
      <c r="B2" s="2" t="s">
        <v>2</v>
      </c>
      <c r="C2" s="12" t="s">
        <v>3</v>
      </c>
      <c r="D2" s="12" t="s">
        <v>4</v>
      </c>
      <c r="E2" s="12" t="s">
        <v>5</v>
      </c>
      <c r="F2" s="12" t="s">
        <v>6</v>
      </c>
      <c r="G2" s="12" t="s">
        <v>7</v>
      </c>
      <c r="H2" s="12" t="s">
        <v>8</v>
      </c>
      <c r="I2" s="12" t="s">
        <v>9</v>
      </c>
      <c r="J2" s="12" t="s">
        <v>10</v>
      </c>
      <c r="K2" s="12" t="s">
        <v>11</v>
      </c>
    </row>
    <row r="3" spans="1:11" ht="22.4" customHeight="1">
      <c r="A3" s="13"/>
      <c r="B3" s="3" t="s">
        <v>12</v>
      </c>
      <c r="C3" s="13"/>
      <c r="D3" s="13"/>
      <c r="E3" s="13"/>
      <c r="F3" s="13"/>
      <c r="G3" s="13"/>
      <c r="H3" s="13"/>
      <c r="I3" s="13"/>
      <c r="J3" s="13"/>
      <c r="K3" s="13"/>
    </row>
    <row r="4" spans="1:11" ht="19.899999999999999" customHeight="1">
      <c r="A4" s="4" t="s">
        <v>89</v>
      </c>
      <c r="B4" s="1" t="s">
        <v>27</v>
      </c>
      <c r="C4" s="5" t="s">
        <v>90</v>
      </c>
      <c r="D4" s="6" t="s">
        <v>91</v>
      </c>
      <c r="E4" s="5">
        <v>70000</v>
      </c>
      <c r="F4" s="6" t="s">
        <v>15</v>
      </c>
      <c r="G4" s="5" t="s">
        <v>22</v>
      </c>
      <c r="H4" s="7" t="s">
        <v>24</v>
      </c>
      <c r="I4" s="5" t="s">
        <v>25</v>
      </c>
      <c r="J4" s="5" t="s">
        <v>26</v>
      </c>
    </row>
    <row r="5" spans="1:11" ht="19.899999999999999" customHeight="1">
      <c r="A5" s="4" t="s">
        <v>29</v>
      </c>
      <c r="B5" s="1" t="s">
        <v>13</v>
      </c>
      <c r="C5" s="5" t="s">
        <v>92</v>
      </c>
      <c r="D5" s="6" t="s">
        <v>93</v>
      </c>
      <c r="E5" s="5">
        <v>10570</v>
      </c>
      <c r="F5" s="6" t="s">
        <v>62</v>
      </c>
      <c r="G5" s="5" t="s">
        <v>94</v>
      </c>
      <c r="H5" s="7" t="s">
        <v>68</v>
      </c>
      <c r="I5" s="5" t="s">
        <v>77</v>
      </c>
      <c r="J5" s="5"/>
    </row>
    <row r="6" spans="1:11" ht="19.899999999999999" customHeight="1">
      <c r="A6" s="4" t="s">
        <v>95</v>
      </c>
      <c r="B6" s="1" t="s">
        <v>13</v>
      </c>
      <c r="C6" s="5" t="s">
        <v>96</v>
      </c>
      <c r="D6" s="6" t="s">
        <v>97</v>
      </c>
      <c r="E6" s="5">
        <v>58000</v>
      </c>
      <c r="F6" s="6" t="s">
        <v>63</v>
      </c>
      <c r="G6" s="5" t="s">
        <v>50</v>
      </c>
      <c r="H6" s="7" t="s">
        <v>69</v>
      </c>
      <c r="I6" s="5"/>
      <c r="J6" s="8"/>
    </row>
    <row r="7" spans="1:11" ht="19.899999999999999" customHeight="1">
      <c r="A7" s="4" t="s">
        <v>17</v>
      </c>
      <c r="B7" s="1" t="s">
        <v>13</v>
      </c>
      <c r="C7" s="5" t="s">
        <v>98</v>
      </c>
      <c r="D7" s="6" t="s">
        <v>99</v>
      </c>
      <c r="E7" s="5">
        <v>64130</v>
      </c>
      <c r="F7" s="6" t="s">
        <v>18</v>
      </c>
      <c r="G7" s="5" t="s">
        <v>21</v>
      </c>
      <c r="H7" s="5"/>
      <c r="I7" s="5"/>
      <c r="J7" s="5"/>
    </row>
    <row r="8" spans="1:11" ht="19.899999999999999" customHeight="1">
      <c r="A8" s="4" t="s">
        <v>30</v>
      </c>
      <c r="B8" s="1" t="s">
        <v>27</v>
      </c>
      <c r="C8" s="5"/>
      <c r="D8" s="6" t="s">
        <v>100</v>
      </c>
      <c r="E8" s="5">
        <v>10900</v>
      </c>
      <c r="F8" s="6" t="s">
        <v>64</v>
      </c>
      <c r="G8" s="5" t="s">
        <v>51</v>
      </c>
      <c r="H8" s="5"/>
      <c r="I8" s="5" t="s">
        <v>78</v>
      </c>
      <c r="J8" s="5"/>
    </row>
    <row r="9" spans="1:11" ht="19.899999999999999" customHeight="1">
      <c r="A9" s="4" t="s">
        <v>31</v>
      </c>
      <c r="B9" s="1" t="s">
        <v>27</v>
      </c>
      <c r="C9" s="5" t="s">
        <v>101</v>
      </c>
      <c r="D9" s="6" t="s">
        <v>102</v>
      </c>
      <c r="E9" s="5">
        <v>10150</v>
      </c>
      <c r="F9" s="6" t="s">
        <v>64</v>
      </c>
      <c r="G9" s="5" t="s">
        <v>52</v>
      </c>
      <c r="H9" s="5"/>
      <c r="I9" s="5"/>
      <c r="J9" s="5"/>
    </row>
    <row r="10" spans="1:11" ht="19.899999999999999" customHeight="1">
      <c r="A10" s="4" t="s">
        <v>32</v>
      </c>
      <c r="B10" s="1" t="s">
        <v>13</v>
      </c>
      <c r="C10" s="5" t="s">
        <v>103</v>
      </c>
      <c r="D10" s="6" t="s">
        <v>104</v>
      </c>
      <c r="E10" s="5">
        <v>56110</v>
      </c>
      <c r="F10" s="6" t="s">
        <v>16</v>
      </c>
      <c r="G10" s="5" t="s">
        <v>53</v>
      </c>
      <c r="H10" s="5"/>
      <c r="I10" s="5" t="s">
        <v>79</v>
      </c>
      <c r="J10" s="5" t="s">
        <v>85</v>
      </c>
    </row>
    <row r="11" spans="1:11" ht="19.899999999999999" customHeight="1">
      <c r="A11" s="5" t="s">
        <v>33</v>
      </c>
      <c r="B11" s="1" t="s">
        <v>27</v>
      </c>
      <c r="C11" s="5" t="s">
        <v>105</v>
      </c>
      <c r="D11" s="6" t="s">
        <v>44</v>
      </c>
      <c r="E11" s="5">
        <v>11140</v>
      </c>
      <c r="F11" s="6" t="s">
        <v>20</v>
      </c>
      <c r="G11" s="5" t="s">
        <v>54</v>
      </c>
      <c r="H11" s="7" t="s">
        <v>70</v>
      </c>
      <c r="I11" s="5" t="s">
        <v>80</v>
      </c>
      <c r="J11" s="5"/>
    </row>
    <row r="12" spans="1:11" ht="19.899999999999999" customHeight="1">
      <c r="A12" s="5" t="s">
        <v>34</v>
      </c>
      <c r="B12" s="1" t="s">
        <v>27</v>
      </c>
      <c r="C12" s="5" t="s">
        <v>42</v>
      </c>
      <c r="D12" s="6" t="s">
        <v>106</v>
      </c>
      <c r="E12" s="5" t="s">
        <v>46</v>
      </c>
      <c r="F12" s="6" t="s">
        <v>65</v>
      </c>
      <c r="G12" s="5" t="s">
        <v>55</v>
      </c>
      <c r="H12" s="7" t="s">
        <v>71</v>
      </c>
      <c r="I12" s="5"/>
      <c r="J12" s="5"/>
    </row>
    <row r="13" spans="1:11" ht="19.899999999999999" customHeight="1">
      <c r="A13" s="4" t="s">
        <v>35</v>
      </c>
      <c r="B13" s="1" t="s">
        <v>13</v>
      </c>
      <c r="C13" s="5" t="s">
        <v>107</v>
      </c>
      <c r="D13" s="6" t="s">
        <v>108</v>
      </c>
      <c r="E13" s="5">
        <v>27000</v>
      </c>
      <c r="F13" s="6" t="s">
        <v>66</v>
      </c>
      <c r="G13" s="5" t="s">
        <v>56</v>
      </c>
      <c r="H13" s="7" t="s">
        <v>72</v>
      </c>
      <c r="I13" s="5" t="s">
        <v>81</v>
      </c>
      <c r="J13" s="5"/>
    </row>
    <row r="14" spans="1:11" ht="19.899999999999999" customHeight="1">
      <c r="A14" s="4" t="s">
        <v>36</v>
      </c>
      <c r="B14" s="1" t="s">
        <v>14</v>
      </c>
      <c r="C14" s="5"/>
      <c r="D14" s="6" t="s">
        <v>109</v>
      </c>
      <c r="E14" s="5" t="s">
        <v>47</v>
      </c>
      <c r="F14" s="6" t="s">
        <v>64</v>
      </c>
      <c r="G14" s="5" t="s">
        <v>57</v>
      </c>
      <c r="H14" s="5"/>
      <c r="I14" s="5"/>
      <c r="J14" s="5"/>
    </row>
    <row r="15" spans="1:11" ht="19.899999999999999" customHeight="1">
      <c r="A15" s="4" t="s">
        <v>37</v>
      </c>
      <c r="B15" s="1" t="s">
        <v>13</v>
      </c>
      <c r="C15" s="5"/>
      <c r="D15" s="6" t="s">
        <v>110</v>
      </c>
      <c r="E15" s="5" t="s">
        <v>48</v>
      </c>
      <c r="F15" s="6" t="s">
        <v>64</v>
      </c>
      <c r="G15" s="7" t="s">
        <v>58</v>
      </c>
      <c r="H15" s="7" t="s">
        <v>73</v>
      </c>
      <c r="I15" s="5" t="s">
        <v>82</v>
      </c>
      <c r="J15" s="5" t="s">
        <v>86</v>
      </c>
    </row>
    <row r="16" spans="1:11" ht="19.899999999999999" customHeight="1">
      <c r="A16" s="4" t="s">
        <v>38</v>
      </c>
      <c r="B16" s="1" t="s">
        <v>13</v>
      </c>
      <c r="C16" s="5" t="s">
        <v>111</v>
      </c>
      <c r="D16" s="6" t="s">
        <v>112</v>
      </c>
      <c r="E16" s="5">
        <v>92170</v>
      </c>
      <c r="F16" s="6" t="s">
        <v>67</v>
      </c>
      <c r="G16" s="5" t="s">
        <v>59</v>
      </c>
      <c r="H16" s="7" t="s">
        <v>74</v>
      </c>
      <c r="I16" s="5" t="s">
        <v>83</v>
      </c>
      <c r="J16" s="5" t="s">
        <v>87</v>
      </c>
    </row>
    <row r="17" spans="1:10" ht="19.899999999999999" customHeight="1">
      <c r="A17" s="5" t="s">
        <v>39</v>
      </c>
      <c r="B17" s="1" t="s">
        <v>14</v>
      </c>
      <c r="C17" s="5"/>
      <c r="D17" s="6" t="s">
        <v>45</v>
      </c>
      <c r="E17" s="5">
        <v>96000</v>
      </c>
      <c r="F17" s="6" t="s">
        <v>19</v>
      </c>
      <c r="G17" s="5" t="s">
        <v>60</v>
      </c>
      <c r="H17" s="5"/>
      <c r="I17" s="5" t="s">
        <v>84</v>
      </c>
      <c r="J17" s="8" t="s">
        <v>88</v>
      </c>
    </row>
    <row r="18" spans="1:10" ht="19.899999999999999" customHeight="1">
      <c r="A18" s="4" t="s">
        <v>40</v>
      </c>
      <c r="B18" s="1" t="s">
        <v>13</v>
      </c>
      <c r="C18" s="5" t="s">
        <v>43</v>
      </c>
      <c r="D18" s="6" t="s">
        <v>113</v>
      </c>
      <c r="E18" s="5" t="s">
        <v>49</v>
      </c>
      <c r="F18" s="6" t="s">
        <v>19</v>
      </c>
      <c r="G18" s="5" t="s">
        <v>61</v>
      </c>
      <c r="H18" s="7" t="s">
        <v>75</v>
      </c>
      <c r="I18" s="5"/>
      <c r="J18" s="5"/>
    </row>
    <row r="19" spans="1:10" ht="19.899999999999999" customHeight="1">
      <c r="A19" s="4" t="s">
        <v>41</v>
      </c>
      <c r="B19" s="1" t="s">
        <v>13</v>
      </c>
      <c r="C19" s="5" t="s">
        <v>114</v>
      </c>
      <c r="D19" s="6" t="s">
        <v>115</v>
      </c>
      <c r="E19" s="5">
        <v>94000</v>
      </c>
      <c r="F19" s="6" t="s">
        <v>28</v>
      </c>
      <c r="G19" s="5" t="s">
        <v>23</v>
      </c>
      <c r="H19" s="7" t="s">
        <v>76</v>
      </c>
      <c r="I19" s="5"/>
      <c r="J19" s="5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7" r:id="rId1" xr:uid="{3CF3BAF1-8ED6-4477-8A4A-98B6810C7712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4:34Z</dcterms:modified>
</cp:coreProperties>
</file>